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7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992" autoAdjust="0"/>
    <p:restoredTop sz="94292" autoAdjust="0"/>
  </p:normalViewPr>
  <p:slideViewPr>
    <p:cSldViewPr snapToGrid="0">
      <p:cViewPr>
        <p:scale>
          <a:sx n="73" d="100"/>
          <a:sy n="73" d="100"/>
        </p:scale>
        <p:origin x="22" y="-79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4E715FF-F329-4630-8CE6-329707CCB4D2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38F9ADC-A158-48CD-B6D7-B96910600731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39B8247-FE1C-4E41-BF9D-37CCCE2B698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F104C1-3154-4358-B985-C4707E178012}" type="datetimeFigureOut">
              <a:rPr lang="en-GB" smtClean="0"/>
              <a:t>27/11/2019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D964B10-C77D-4D46-960F-C98EA65078C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D65CDBB-F0DF-4D28-A5A6-13069D22245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5E6577-1EF0-4693-B994-06F14256175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9764662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D6DDBAA-97AA-4262-99D1-398DFBC6223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51F736DE-F2FC-4622-9EF8-4AB992B0C1B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6F485BE-F89B-4982-A277-EBB9028B355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F104C1-3154-4358-B985-C4707E178012}" type="datetimeFigureOut">
              <a:rPr lang="en-GB" smtClean="0"/>
              <a:t>27/11/2019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0945679-6B1F-46C6-9B7E-8E2CF8FF857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E09D8D7-47D0-482F-B19E-D6584BA18DC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5E6577-1EF0-4693-B994-06F14256175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7936167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09480CB7-7164-49F8-AE11-DCA57CABF423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4E710053-7E7E-419D-A44E-865EF5C651BE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0D2532E-9768-4E01-B517-B832AC3A514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F104C1-3154-4358-B985-C4707E178012}" type="datetimeFigureOut">
              <a:rPr lang="en-GB" smtClean="0"/>
              <a:t>27/11/2019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D1C1813-62A6-4D31-A00D-A43DE4E52B1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FD0F746-37C3-42B4-A401-E6496F1352C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5E6577-1EF0-4693-B994-06F14256175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8449466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BC44ACE-A860-41FE-8ED3-1831685832B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2D82DE9-4980-4839-B4B9-6097B4982D7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58ED888-65F3-48B6-9A00-359F67F5DF4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F104C1-3154-4358-B985-C4707E178012}" type="datetimeFigureOut">
              <a:rPr lang="en-GB" smtClean="0"/>
              <a:t>27/11/2019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13CBE9C-CCFA-43A2-9724-A75C0429BD5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3C1C7B2-6621-47ED-AE32-F1EF80CCFDD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5E6577-1EF0-4693-B994-06F14256175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2432946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C089362-988F-4E90-A6DC-0AF88C06951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FFA93C0-0015-4D7E-BB36-6D5C571CE0D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684C5AB-A8B7-4365-B2B7-0F154B468D2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F104C1-3154-4358-B985-C4707E178012}" type="datetimeFigureOut">
              <a:rPr lang="en-GB" smtClean="0"/>
              <a:t>27/11/2019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CA0CB28-A33F-4018-AA9E-DC053EEB44C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984ADA6-1CB2-4CE4-9552-4FD96F45A8A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5E6577-1EF0-4693-B994-06F14256175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5362133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7121018-B3AF-43DE-A8DE-15E89FE0644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C7FB5A0-DB77-4B53-9CB9-5D0782D29E84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0722351-2152-44D4-A6DA-B9445D957511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EED6960-E429-4BC9-90E8-B22534FF3C8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F104C1-3154-4358-B985-C4707E178012}" type="datetimeFigureOut">
              <a:rPr lang="en-GB" smtClean="0"/>
              <a:t>27/11/2019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72AEBBC-315A-4B03-8B31-EC615FBC71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672AE59-7FA4-4FA0-A8CC-BB21A88C0A7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5E6577-1EF0-4693-B994-06F14256175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8019876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FD3A537-9A20-4D61-9078-00B6629CD10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6ECDD10-AA79-438C-8E65-00743C4CAD5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E0F12E8-1698-49B6-B6A0-056DFA4CC40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9692F3E5-A44A-4314-A7C4-AC246BE53C7B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498AF12-97BF-4C19-8D3F-37C7324F2AF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484787E-9283-42FE-B3E4-3A564339D8D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F104C1-3154-4358-B985-C4707E178012}" type="datetimeFigureOut">
              <a:rPr lang="en-GB" smtClean="0"/>
              <a:t>27/11/2019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C31A5701-1668-4CBC-A3F0-1DBF585CAB1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E82E52CB-1CCE-4B17-A072-D7A13FFC2BF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5E6577-1EF0-4693-B994-06F14256175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9873706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7DA5ADC-8FBF-49C0-A594-6E90BBFEB37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39FC4344-F5E5-48D7-B515-3746A39B441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F104C1-3154-4358-B985-C4707E178012}" type="datetimeFigureOut">
              <a:rPr lang="en-GB" smtClean="0"/>
              <a:t>27/11/2019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93A5BFA0-81C5-42C5-82F1-6A9D11967D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99209D6-F1CF-4EAD-82D9-8F041B13286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5E6577-1EF0-4693-B994-06F14256175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1642219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730559EF-0E71-48D5-B5EB-CA4D7CB7A7F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F104C1-3154-4358-B985-C4707E178012}" type="datetimeFigureOut">
              <a:rPr lang="en-GB" smtClean="0"/>
              <a:t>27/11/2019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BC1D575-399D-4E1A-9F8D-C27AC0EB4B7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9EB9818-977B-424E-AB72-C26907DAB59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5E6577-1EF0-4693-B994-06F14256175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5798128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48201EE-BE30-44B3-9ADC-A3B4C58819E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45BA7C8-D90D-420E-AA32-13373ECF6CB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B95EA619-9BBD-4CE2-BD7D-800BD301E296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8EFDCCB-CD88-4974-B240-9B932CC0ABC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F104C1-3154-4358-B985-C4707E178012}" type="datetimeFigureOut">
              <a:rPr lang="en-GB" smtClean="0"/>
              <a:t>27/11/2019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35A218A-D78A-486E-A2A6-4F993B616E4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66666D8-1FBD-4212-9C1C-3EE194614B3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5E6577-1EF0-4693-B994-06F14256175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848944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63D0626-5223-44EA-83AC-638C2B9728D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340DFA38-6239-49E1-A109-B994F99D71C4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3A46FE7-42C7-4C63-8656-E57A7FA81DC9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303FD6D-3E08-4590-98D4-66D7D48421E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F104C1-3154-4358-B985-C4707E178012}" type="datetimeFigureOut">
              <a:rPr lang="en-GB" smtClean="0"/>
              <a:t>27/11/2019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FF60E0A-1F97-46D5-9A8C-D2D51A2CCE5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E88C0AB-06ED-42E7-8FF4-5AE3304EBD7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5E6577-1EF0-4693-B994-06F14256175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0263803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102040FC-BA1E-43E5-898B-D1924D6D0FA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D40D5D0-D30C-4AB3-BBBF-C2BF756A339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B84F41A-825A-4A8A-A1FF-5F8856F47CA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1F104C1-3154-4358-B985-C4707E178012}" type="datetimeFigureOut">
              <a:rPr lang="en-GB" smtClean="0"/>
              <a:t>27/11/2019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39EAD72-0538-4300-8D0E-49606771EB9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5624B2E-2E19-4972-B96B-2DE0594AEE2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D5E6577-1EF0-4693-B994-06F14256175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479428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slideLayout" Target="../slideLayouts/slideLayout7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OTLSHAPE_SL_a1bd44e589c0415e8682e293979212dd_BackgroundRectangle">
            <a:extLst>
              <a:ext uri="{FF2B5EF4-FFF2-40B4-BE49-F238E27FC236}">
                <a16:creationId xmlns:a16="http://schemas.microsoft.com/office/drawing/2014/main" id="{8B252523-D3B1-490C-997A-6C97F8CA0148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611755"/>
            <a:ext cx="11125200" cy="480737"/>
          </a:xfrm>
          <a:prstGeom prst="rect">
            <a:avLst/>
          </a:prstGeom>
          <a:solidFill>
            <a:schemeClr val="dk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" name="OTLSHAPE_SL_563f061c7df44f688c163dde932e2983_BackgroundRectangle">
            <a:extLst>
              <a:ext uri="{FF2B5EF4-FFF2-40B4-BE49-F238E27FC236}">
                <a16:creationId xmlns:a16="http://schemas.microsoft.com/office/drawing/2014/main" id="{D0F6BED5-0397-46DE-A14E-C1D4888B9EE8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155992"/>
            <a:ext cx="11125200" cy="714756"/>
          </a:xfrm>
          <a:prstGeom prst="rect">
            <a:avLst/>
          </a:prstGeom>
          <a:solidFill>
            <a:schemeClr val="accent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1" name="OTLSHAPE_SL_c94e23193aab40288371f5abf251ce36_BackgroundRectangle">
            <a:extLst>
              <a:ext uri="{FF2B5EF4-FFF2-40B4-BE49-F238E27FC236}">
                <a16:creationId xmlns:a16="http://schemas.microsoft.com/office/drawing/2014/main" id="{DAD60422-ADEE-4030-A807-57C667AF8365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3934248"/>
            <a:ext cx="11125200" cy="546100"/>
          </a:xfrm>
          <a:prstGeom prst="rect">
            <a:avLst/>
          </a:prstGeom>
          <a:solidFill>
            <a:schemeClr val="accent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4" name="OTLSHAPE_SL_68d54c02d88c43bd8e5718aa68db07a9_BackgroundRectangle">
            <a:extLst>
              <a:ext uri="{FF2B5EF4-FFF2-40B4-BE49-F238E27FC236}">
                <a16:creationId xmlns:a16="http://schemas.microsoft.com/office/drawing/2014/main" id="{53E0BC75-4BDF-41F7-B7B8-BB453031321E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4543848"/>
            <a:ext cx="11125200" cy="279400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7" name="OTLSHAPE_SL_bcb48c89471449339140309f8a4f6fee_BackgroundRectangle">
            <a:extLst>
              <a:ext uri="{FF2B5EF4-FFF2-40B4-BE49-F238E27FC236}">
                <a16:creationId xmlns:a16="http://schemas.microsoft.com/office/drawing/2014/main" id="{E2A7CC40-4178-4257-B4AA-FE5762194060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4886748"/>
            <a:ext cx="11125200" cy="546100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B4C31A48-CC0D-4957-B4F3-1056B136E8EA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254000" y="1765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5E2C9644-F36C-4236-A088-7AA624C04C5E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11474534" y="1765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 dirty="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58" name="OTLSHAPE_TB_00000000000000000000000000000000_ScaleContainer">
            <a:extLst>
              <a:ext uri="{FF2B5EF4-FFF2-40B4-BE49-F238E27FC236}">
                <a16:creationId xmlns:a16="http://schemas.microsoft.com/office/drawing/2014/main" id="{7AB5FB38-0785-44E0-8E46-B42844187998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844465" y="1714500"/>
            <a:ext cx="10515600" cy="381000"/>
          </a:xfrm>
          <a:prstGeom prst="roundRect">
            <a:avLst>
              <a:gd name="adj" fmla="val 100000"/>
            </a:avLst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" name="OTLSHAPE_SL_a1bd44e589c0415e8682e293979212dd_HeaderRectangle">
            <a:extLst>
              <a:ext uri="{FF2B5EF4-FFF2-40B4-BE49-F238E27FC236}">
                <a16:creationId xmlns:a16="http://schemas.microsoft.com/office/drawing/2014/main" id="{E990102A-8B14-454F-8222-2D43FB5A018A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2611755"/>
            <a:ext cx="825500" cy="480737"/>
          </a:xfrm>
          <a:prstGeom prst="rect">
            <a:avLst/>
          </a:prstGeom>
          <a:solidFill>
            <a:schemeClr val="dk2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" name="OTLSHAPE_SL_563f061c7df44f688c163dde932e2983_HeaderRectangle">
            <a:extLst>
              <a:ext uri="{FF2B5EF4-FFF2-40B4-BE49-F238E27FC236}">
                <a16:creationId xmlns:a16="http://schemas.microsoft.com/office/drawing/2014/main" id="{B734C70D-572C-4CE2-8A90-FD5187EB9D57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3155992"/>
            <a:ext cx="825500" cy="714756"/>
          </a:xfrm>
          <a:prstGeom prst="rect">
            <a:avLst/>
          </a:prstGeom>
          <a:solidFill>
            <a:schemeClr val="accent1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2" name="OTLSHAPE_SL_c94e23193aab40288371f5abf251ce36_HeaderRectangle">
            <a:extLst>
              <a:ext uri="{FF2B5EF4-FFF2-40B4-BE49-F238E27FC236}">
                <a16:creationId xmlns:a16="http://schemas.microsoft.com/office/drawing/2014/main" id="{FDAD21B1-1F7A-416B-BFCD-66210820859B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3934248"/>
            <a:ext cx="825500" cy="546100"/>
          </a:xfrm>
          <a:prstGeom prst="rect">
            <a:avLst/>
          </a:prstGeom>
          <a:solidFill>
            <a:schemeClr val="accent2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5" name="OTLSHAPE_SL_68d54c02d88c43bd8e5718aa68db07a9_HeaderRectangle">
            <a:extLst>
              <a:ext uri="{FF2B5EF4-FFF2-40B4-BE49-F238E27FC236}">
                <a16:creationId xmlns:a16="http://schemas.microsoft.com/office/drawing/2014/main" id="{88246569-6A6A-4B39-A90F-961559CD0427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4543848"/>
            <a:ext cx="825500" cy="279400"/>
          </a:xfrm>
          <a:prstGeom prst="rect">
            <a:avLst/>
          </a:prstGeom>
          <a:solidFill>
            <a:schemeClr val="accent3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8" name="OTLSHAPE_SL_bcb48c89471449339140309f8a4f6fee_HeaderRectangle">
            <a:extLst>
              <a:ext uri="{FF2B5EF4-FFF2-40B4-BE49-F238E27FC236}">
                <a16:creationId xmlns:a16="http://schemas.microsoft.com/office/drawing/2014/main" id="{71FB5132-B60E-410D-BADA-F2941537CC06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4886748"/>
            <a:ext cx="825500" cy="546100"/>
          </a:xfrm>
          <a:prstGeom prst="rect">
            <a:avLst/>
          </a:prstGeom>
          <a:solidFill>
            <a:schemeClr val="accent4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21" name="OTLSHAPE_G_00000000000000000000000000000000_ShapeBelow0">
            <a:extLst>
              <a:ext uri="{FF2B5EF4-FFF2-40B4-BE49-F238E27FC236}">
                <a16:creationId xmlns:a16="http://schemas.microsoft.com/office/drawing/2014/main" id="{8627F604-A6E4-4E2D-B5A9-F93A34667E11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2442363" y="2095500"/>
            <a:ext cx="0" cy="3337348"/>
          </a:xfrm>
          <a:prstGeom prst="line">
            <a:avLst/>
          </a:prstGeom>
          <a:ln w="381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G_00000000000000000000000000000000_ShapeBelow1">
            <a:extLst>
              <a:ext uri="{FF2B5EF4-FFF2-40B4-BE49-F238E27FC236}">
                <a16:creationId xmlns:a16="http://schemas.microsoft.com/office/drawing/2014/main" id="{EF1A5D4F-0691-40D2-928C-A62F38901464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3922922" y="2095500"/>
            <a:ext cx="0" cy="3337348"/>
          </a:xfrm>
          <a:prstGeom prst="line">
            <a:avLst/>
          </a:prstGeom>
          <a:ln w="381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G_00000000000000000000000000000000_ShapeBelow2">
            <a:extLst>
              <a:ext uri="{FF2B5EF4-FFF2-40B4-BE49-F238E27FC236}">
                <a16:creationId xmlns:a16="http://schemas.microsoft.com/office/drawing/2014/main" id="{B569F3B6-54A3-4614-B2DB-61337276672D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5355720" y="2095500"/>
            <a:ext cx="0" cy="3337348"/>
          </a:xfrm>
          <a:prstGeom prst="line">
            <a:avLst/>
          </a:prstGeom>
          <a:ln w="381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0" name="OTLSHAPE_G_00000000000000000000000000000000_ShapeBelow3">
            <a:extLst>
              <a:ext uri="{FF2B5EF4-FFF2-40B4-BE49-F238E27FC236}">
                <a16:creationId xmlns:a16="http://schemas.microsoft.com/office/drawing/2014/main" id="{2E00C6F7-A611-4750-9AC6-5F4B5120F6EB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6836279" y="2095500"/>
            <a:ext cx="0" cy="3337348"/>
          </a:xfrm>
          <a:prstGeom prst="line">
            <a:avLst/>
          </a:prstGeom>
          <a:ln w="381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" name="OTLSHAPE_G_00000000000000000000000000000000_ShapeBelow4">
            <a:extLst>
              <a:ext uri="{FF2B5EF4-FFF2-40B4-BE49-F238E27FC236}">
                <a16:creationId xmlns:a16="http://schemas.microsoft.com/office/drawing/2014/main" id="{F0CD16B4-EFE1-42AD-825B-439E018D5B38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8316837" y="2095500"/>
            <a:ext cx="0" cy="3337348"/>
          </a:xfrm>
          <a:prstGeom prst="line">
            <a:avLst/>
          </a:prstGeom>
          <a:ln w="381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" name="OTLSHAPE_G_00000000000000000000000000000000_ShapeBelow5">
            <a:extLst>
              <a:ext uri="{FF2B5EF4-FFF2-40B4-BE49-F238E27FC236}">
                <a16:creationId xmlns:a16="http://schemas.microsoft.com/office/drawing/2014/main" id="{4D854CBF-BFDA-442A-9C99-813817A45C0D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9701876" y="2095500"/>
            <a:ext cx="0" cy="3337348"/>
          </a:xfrm>
          <a:prstGeom prst="line">
            <a:avLst/>
          </a:prstGeom>
          <a:ln w="381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OTLSHAPE_SLT_7a5e0ac462b74501964bce89cf5ce5e5_Shape">
            <a:extLst>
              <a:ext uri="{FF2B5EF4-FFF2-40B4-BE49-F238E27FC236}">
                <a16:creationId xmlns:a16="http://schemas.microsoft.com/office/drawing/2014/main" id="{5021780C-7680-4E18-90AB-4DF05B1B91BE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2346844" y="2671614"/>
            <a:ext cx="2921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" name="OTLSHAPE_SLT_58399bc4623e4f579a756e9c995a58b7_Shape">
            <a:extLst>
              <a:ext uri="{FF2B5EF4-FFF2-40B4-BE49-F238E27FC236}">
                <a16:creationId xmlns:a16="http://schemas.microsoft.com/office/drawing/2014/main" id="{7B2FEC2D-024B-4E73-A128-BA4E810C372C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2633404" y="2905633"/>
            <a:ext cx="10033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" name="OTLSHAPE_SLT_d8778b79f5b5490899decb925da4eb15_Shape">
            <a:extLst>
              <a:ext uri="{FF2B5EF4-FFF2-40B4-BE49-F238E27FC236}">
                <a16:creationId xmlns:a16="http://schemas.microsoft.com/office/drawing/2014/main" id="{A94F12A4-759C-45B7-8F2F-A12F3B5DCE92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2346844" y="3215852"/>
            <a:ext cx="15875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" name="OTLSHAPE_SLT_3c695fc6758e4b24ad7c0bcef40b8593_Shape">
            <a:extLst>
              <a:ext uri="{FF2B5EF4-FFF2-40B4-BE49-F238E27FC236}">
                <a16:creationId xmlns:a16="http://schemas.microsoft.com/office/drawing/2014/main" id="{CB1B85BD-58EF-4E2A-94C5-84EEBC747E66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3922923" y="3449870"/>
            <a:ext cx="14859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" name="OTLSHAPE_SLT_10e909a896d14618b53863625d69ab6f_Shape">
            <a:extLst>
              <a:ext uri="{FF2B5EF4-FFF2-40B4-BE49-F238E27FC236}">
                <a16:creationId xmlns:a16="http://schemas.microsoft.com/office/drawing/2014/main" id="{53B4CAAA-2945-464E-A7D9-39FAD6F6A668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3922923" y="3683889"/>
            <a:ext cx="14859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" name="OTLSHAPE_SLT_86479df8bc534fa8a833f5a06201b6d0_Shape">
            <a:extLst>
              <a:ext uri="{FF2B5EF4-FFF2-40B4-BE49-F238E27FC236}">
                <a16:creationId xmlns:a16="http://schemas.microsoft.com/office/drawing/2014/main" id="{1398AF8A-FCE6-450D-96D5-C9A7AAB98047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5451241" y="3972348"/>
            <a:ext cx="57404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1" name="OTLSHAPE_SLT_94bed7a32f9f410fa6c582c0e43b1156_Shape">
            <a:extLst>
              <a:ext uri="{FF2B5EF4-FFF2-40B4-BE49-F238E27FC236}">
                <a16:creationId xmlns:a16="http://schemas.microsoft.com/office/drawing/2014/main" id="{3E1A0E10-9993-4FBD-AE40-1722F0E550C6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5451241" y="4239048"/>
            <a:ext cx="57404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9" name="OTLSHAPE_SLT_a88e587644a34b28b84599211135b280_Shape">
            <a:extLst>
              <a:ext uri="{FF2B5EF4-FFF2-40B4-BE49-F238E27FC236}">
                <a16:creationId xmlns:a16="http://schemas.microsoft.com/office/drawing/2014/main" id="{49C39E0C-B128-4C44-B26E-39FE4E5438BE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6836280" y="4581948"/>
            <a:ext cx="43561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7" name="OTLSHAPE_SLT_4d967e31d95747489cb1a746b96607d5_Shape">
            <a:extLst>
              <a:ext uri="{FF2B5EF4-FFF2-40B4-BE49-F238E27FC236}">
                <a16:creationId xmlns:a16="http://schemas.microsoft.com/office/drawing/2014/main" id="{7019D4D7-044E-40CB-A0E2-F461B5F637EE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2346844" y="4924848"/>
            <a:ext cx="36322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5" name="OTLSHAPE_SLT_8130d543ec584d48a7305273c295809a_Shape">
            <a:extLst>
              <a:ext uri="{FF2B5EF4-FFF2-40B4-BE49-F238E27FC236}">
                <a16:creationId xmlns:a16="http://schemas.microsoft.com/office/drawing/2014/main" id="{BB84383B-BAB1-4620-9812-7595BCA225BB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2346844" y="5191548"/>
            <a:ext cx="88392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7" name="OTLSHAPE_SLT_7a5e0ac462b74501964bce89cf5ce5e5_ShapePercentage" hidden="1">
            <a:extLst>
              <a:ext uri="{FF2B5EF4-FFF2-40B4-BE49-F238E27FC236}">
                <a16:creationId xmlns:a16="http://schemas.microsoft.com/office/drawing/2014/main" id="{0AEDD0CF-AEDF-4F45-BC7C-5F78D508754D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2225151" y="1459569"/>
            <a:ext cx="3048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5" name="OTLSHAPE_SLT_58399bc4623e4f579a756e9c995a58b7_ShapePercentage" hidden="1">
            <a:extLst>
              <a:ext uri="{FF2B5EF4-FFF2-40B4-BE49-F238E27FC236}">
                <a16:creationId xmlns:a16="http://schemas.microsoft.com/office/drawing/2014/main" id="{D98736BA-9B33-4772-8B77-7E8A1A8F3208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2521012" y="1693587"/>
            <a:ext cx="10414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3" name="OTLSHAPE_SLT_d8778b79f5b5490899decb925da4eb15_ShapePercentage" hidden="1">
            <a:extLst>
              <a:ext uri="{FF2B5EF4-FFF2-40B4-BE49-F238E27FC236}">
                <a16:creationId xmlns:a16="http://schemas.microsoft.com/office/drawing/2014/main" id="{D7A64BAE-4271-47B6-B9D1-B2D787E7208A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2225151" y="2003806"/>
            <a:ext cx="1778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" name="OTLSHAPE_SLT_3c695fc6758e4b24ad7c0bcef40b8593_ShapePercentage" hidden="1">
            <a:extLst>
              <a:ext uri="{FF2B5EF4-FFF2-40B4-BE49-F238E27FC236}">
                <a16:creationId xmlns:a16="http://schemas.microsoft.com/office/drawing/2014/main" id="{26EDCC57-C568-4A2C-9558-4AE59F5A9176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3852387" y="2237825"/>
            <a:ext cx="1778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" name="OTLSHAPE_SLT_10e909a896d14618b53863625d69ab6f_ShapePercentage" hidden="1">
            <a:extLst>
              <a:ext uri="{FF2B5EF4-FFF2-40B4-BE49-F238E27FC236}">
                <a16:creationId xmlns:a16="http://schemas.microsoft.com/office/drawing/2014/main" id="{990F03B2-294E-4059-B1BB-55184E3A1CB6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3852387" y="2471843"/>
            <a:ext cx="1778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" name="OTLSHAPE_SLT_86479df8bc534fa8a833f5a06201b6d0_ShapePercentage" hidden="1">
            <a:extLst>
              <a:ext uri="{FF2B5EF4-FFF2-40B4-BE49-F238E27FC236}">
                <a16:creationId xmlns:a16="http://schemas.microsoft.com/office/drawing/2014/main" id="{D559D23C-67B8-4F21-A456-1FA1C1F25F07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2" name="OTLSHAPE_SLT_94bed7a32f9f410fa6c582c0e43b1156_ShapePercentage" hidden="1">
            <a:extLst>
              <a:ext uri="{FF2B5EF4-FFF2-40B4-BE49-F238E27FC236}">
                <a16:creationId xmlns:a16="http://schemas.microsoft.com/office/drawing/2014/main" id="{EF11FECE-2BE0-4FB9-8B63-57661DA50630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0" name="OTLSHAPE_SLT_a88e587644a34b28b84599211135b280_ShapePercentage" hidden="1">
            <a:extLst>
              <a:ext uri="{FF2B5EF4-FFF2-40B4-BE49-F238E27FC236}">
                <a16:creationId xmlns:a16="http://schemas.microsoft.com/office/drawing/2014/main" id="{A760B05A-26DC-4988-B9C5-4BAF7F119518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8" name="OTLSHAPE_SLT_4d967e31d95747489cb1a746b96607d5_ShapePercentage" hidden="1">
            <a:extLst>
              <a:ext uri="{FF2B5EF4-FFF2-40B4-BE49-F238E27FC236}">
                <a16:creationId xmlns:a16="http://schemas.microsoft.com/office/drawing/2014/main" id="{397B3C96-F351-4FD5-B7D0-BB65E58CE2BF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6" name="OTLSHAPE_SLT_8130d543ec584d48a7305273c295809a_ShapePercentage" hidden="1">
            <a:extLst>
              <a:ext uri="{FF2B5EF4-FFF2-40B4-BE49-F238E27FC236}">
                <a16:creationId xmlns:a16="http://schemas.microsoft.com/office/drawing/2014/main" id="{5720A2CD-FF42-45FF-BB42-880E32FC4A4C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9" name="OTLSHAPE_TB_00000000000000000000000000000000_ElapsedTime">
            <a:extLst>
              <a:ext uri="{FF2B5EF4-FFF2-40B4-BE49-F238E27FC236}">
                <a16:creationId xmlns:a16="http://schemas.microsoft.com/office/drawing/2014/main" id="{F56E06EA-E190-476F-976B-E01368F40C2D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844465" y="1714500"/>
            <a:ext cx="4432300" cy="381000"/>
          </a:xfrm>
          <a:prstGeom prst="roundRect">
            <a:avLst>
              <a:gd name="adj" fmla="val 10000000"/>
            </a:avLst>
          </a:prstGeom>
          <a:solidFill>
            <a:srgbClr val="96D642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" name="OTLSHAPE_SL_a1bd44e589c0415e8682e293979212dd_Header">
            <a:extLst>
              <a:ext uri="{FF2B5EF4-FFF2-40B4-BE49-F238E27FC236}">
                <a16:creationId xmlns:a16="http://schemas.microsoft.com/office/drawing/2014/main" id="{E95A5999-A6B6-42A4-8F10-64F07F91947B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63500" y="2666069"/>
            <a:ext cx="8255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dirty="0">
                <a:solidFill>
                  <a:srgbClr val="161C23"/>
                </a:solidFill>
                <a:latin typeface="Calibri" panose="020F0502020204030204" pitchFamily="34" charset="0"/>
              </a:rPr>
              <a:t>Literature Survey</a:t>
            </a:r>
          </a:p>
        </p:txBody>
      </p:sp>
      <p:sp>
        <p:nvSpPr>
          <p:cNvPr id="20" name="OTLSHAPE_SL_563f061c7df44f688c163dde932e2983_Header">
            <a:extLst>
              <a:ext uri="{FF2B5EF4-FFF2-40B4-BE49-F238E27FC236}">
                <a16:creationId xmlns:a16="http://schemas.microsoft.com/office/drawing/2014/main" id="{25CA57C3-D68A-4A40-B0AA-01BDDDAEE12B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63500" y="3327316"/>
            <a:ext cx="8255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dirty="0">
                <a:solidFill>
                  <a:srgbClr val="152542"/>
                </a:solidFill>
                <a:latin typeface="Calibri" panose="020F0502020204030204" pitchFamily="34" charset="0"/>
              </a:rPr>
              <a:t>Implement Base Game</a:t>
            </a:r>
          </a:p>
        </p:txBody>
      </p:sp>
      <p:sp>
        <p:nvSpPr>
          <p:cNvPr id="83" name="OTLSHAPE_SL_c94e23193aab40288371f5abf251ce36_Header">
            <a:extLst>
              <a:ext uri="{FF2B5EF4-FFF2-40B4-BE49-F238E27FC236}">
                <a16:creationId xmlns:a16="http://schemas.microsoft.com/office/drawing/2014/main" id="{D1695538-2E8C-446D-8750-079464EFA801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63500" y="4021243"/>
            <a:ext cx="8255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>
                <a:solidFill>
                  <a:srgbClr val="582707"/>
                </a:solidFill>
                <a:latin typeface="Calibri" panose="020F0502020204030204" pitchFamily="34" charset="0"/>
              </a:rPr>
              <a:t>Level Generation</a:t>
            </a:r>
          </a:p>
        </p:txBody>
      </p:sp>
      <p:sp>
        <p:nvSpPr>
          <p:cNvPr id="86" name="OTLSHAPE_SL_68d54c02d88c43bd8e5718aa68db07a9_Header">
            <a:extLst>
              <a:ext uri="{FF2B5EF4-FFF2-40B4-BE49-F238E27FC236}">
                <a16:creationId xmlns:a16="http://schemas.microsoft.com/office/drawing/2014/main" id="{957396C1-7356-4AB5-B718-D40C25158BA0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63500" y="4590521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>
                <a:solidFill>
                  <a:srgbClr val="373737"/>
                </a:solidFill>
                <a:latin typeface="Calibri" panose="020F0502020204030204" pitchFamily="34" charset="0"/>
              </a:rPr>
              <a:t>Gameplay</a:t>
            </a:r>
          </a:p>
        </p:txBody>
      </p:sp>
      <p:sp>
        <p:nvSpPr>
          <p:cNvPr id="89" name="OTLSHAPE_SL_bcb48c89471449339140309f8a4f6fee_Header">
            <a:extLst>
              <a:ext uri="{FF2B5EF4-FFF2-40B4-BE49-F238E27FC236}">
                <a16:creationId xmlns:a16="http://schemas.microsoft.com/office/drawing/2014/main" id="{657C4154-12A8-4468-8487-BC467A3813C9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63500" y="5066771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>
                <a:solidFill>
                  <a:srgbClr val="554000"/>
                </a:solidFill>
                <a:latin typeface="Calibri" panose="020F0502020204030204" pitchFamily="34" charset="0"/>
              </a:rPr>
              <a:t>Report</a:t>
            </a:r>
          </a:p>
        </p:txBody>
      </p:sp>
      <p:sp>
        <p:nvSpPr>
          <p:cNvPr id="170" name="OTLSHAPE_TB_00000000000000000000000000000000_TodayMarkerShape">
            <a:extLst>
              <a:ext uri="{FF2B5EF4-FFF2-40B4-BE49-F238E27FC236}">
                <a16:creationId xmlns:a16="http://schemas.microsoft.com/office/drawing/2014/main" id="{22B9BF34-F934-4AF4-82BA-7A7597D581D5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5222277" y="2095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C6CD358D-21C6-4EE2-BE4E-D9E858DAC43D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073065" y="181197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dk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D07B6AFC-E5F8-4B11-A582-9F5EB7F412F2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2505864" y="181197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dk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E9762F77-7721-4DA3-A01F-BF073097D45C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3986423" y="1811973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0806C5A7-D4C2-4981-8524-D476A800FDE5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5419221" y="1811973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28" name="OTLSHAPE_SLT_7a5e0ac462b74501964bce89cf5ce5e5_Duration" hidden="1">
            <a:extLst>
              <a:ext uri="{FF2B5EF4-FFF2-40B4-BE49-F238E27FC236}">
                <a16:creationId xmlns:a16="http://schemas.microsoft.com/office/drawing/2014/main" id="{ED4DDFA5-861F-40ED-A5B8-4019E61AA7D9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29" name="OTLSHAPE_SLT_7a5e0ac462b74501964bce89cf5ce5e5_TextPercentage" hidden="1">
            <a:extLst>
              <a:ext uri="{FF2B5EF4-FFF2-40B4-BE49-F238E27FC236}">
                <a16:creationId xmlns:a16="http://schemas.microsoft.com/office/drawing/2014/main" id="{7CE45091-34D0-4C0A-9998-3AA36A2F0D0D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2327810" y="1459569"/>
            <a:ext cx="203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2">
                <a:solidFill>
                  <a:schemeClr val="accent2"/>
                </a:solidFill>
                <a:latin typeface="Calibri" panose="020F0502020204030204" pitchFamily="34" charset="0"/>
              </a:rPr>
              <a:t>100</a:t>
            </a:r>
          </a:p>
        </p:txBody>
      </p:sp>
      <p:sp>
        <p:nvSpPr>
          <p:cNvPr id="30" name="OTLSHAPE_SLT_7a5e0ac462b74501964bce89cf5ce5e5_StartDate" hidden="1">
            <a:extLst>
              <a:ext uri="{FF2B5EF4-FFF2-40B4-BE49-F238E27FC236}">
                <a16:creationId xmlns:a16="http://schemas.microsoft.com/office/drawing/2014/main" id="{2FF0CB50-0BCF-421E-8A42-95E1C854CEE1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31" name="OTLSHAPE_SLT_7a5e0ac462b74501964bce89cf5ce5e5_EndDate" hidden="1">
            <a:extLst>
              <a:ext uri="{FF2B5EF4-FFF2-40B4-BE49-F238E27FC236}">
                <a16:creationId xmlns:a16="http://schemas.microsoft.com/office/drawing/2014/main" id="{472C2E07-E1E2-49B7-A45D-AF82141F48AD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32" name="OTLSHAPE_SLT_7a5e0ac462b74501964bce89cf5ce5e5_JoinedDate">
            <a:extLst>
              <a:ext uri="{FF2B5EF4-FFF2-40B4-BE49-F238E27FC236}">
                <a16:creationId xmlns:a16="http://schemas.microsoft.com/office/drawing/2014/main" id="{74B488DA-9F1B-4C3C-A536-6DCC0EBD20D9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580611" y="2657602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Sep 29 - Oct 4</a:t>
            </a:r>
          </a:p>
        </p:txBody>
      </p:sp>
      <p:sp>
        <p:nvSpPr>
          <p:cNvPr id="33" name="OTLSHAPE_SLT_7a5e0ac462b74501964bce89cf5ce5e5_Title">
            <a:extLst>
              <a:ext uri="{FF2B5EF4-FFF2-40B4-BE49-F238E27FC236}">
                <a16:creationId xmlns:a16="http://schemas.microsoft.com/office/drawing/2014/main" id="{B7B30126-3D24-4C54-AC14-E648C5EE3276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2684170" y="2649855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Literature Search</a:t>
            </a:r>
          </a:p>
        </p:txBody>
      </p:sp>
      <p:sp>
        <p:nvSpPr>
          <p:cNvPr id="36" name="OTLSHAPE_SLT_58399bc4623e4f579a756e9c995a58b7_Duration" hidden="1">
            <a:extLst>
              <a:ext uri="{FF2B5EF4-FFF2-40B4-BE49-F238E27FC236}">
                <a16:creationId xmlns:a16="http://schemas.microsoft.com/office/drawing/2014/main" id="{EFE42B04-A535-4DCB-A739-E1DEAD8B1021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37" name="OTLSHAPE_SLT_58399bc4623e4f579a756e9c995a58b7_TextPercentage" hidden="1">
            <a:extLst>
              <a:ext uri="{FF2B5EF4-FFF2-40B4-BE49-F238E27FC236}">
                <a16:creationId xmlns:a16="http://schemas.microsoft.com/office/drawing/2014/main" id="{09FEBF7A-F53E-4E24-8A02-A3F62174A423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3272519" y="1693587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chemeClr val="accent2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38" name="OTLSHAPE_SLT_58399bc4623e4f579a756e9c995a58b7_StartDate" hidden="1">
            <a:extLst>
              <a:ext uri="{FF2B5EF4-FFF2-40B4-BE49-F238E27FC236}">
                <a16:creationId xmlns:a16="http://schemas.microsoft.com/office/drawing/2014/main" id="{77077391-188E-4BF3-AB04-046906726493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39" name="OTLSHAPE_SLT_58399bc4623e4f579a756e9c995a58b7_EndDate" hidden="1">
            <a:extLst>
              <a:ext uri="{FF2B5EF4-FFF2-40B4-BE49-F238E27FC236}">
                <a16:creationId xmlns:a16="http://schemas.microsoft.com/office/drawing/2014/main" id="{AE8D303F-55AA-4142-9302-19C11A7A9924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0" name="OTLSHAPE_SLT_58399bc4623e4f579a756e9c995a58b7_JoinedDate">
            <a:extLst>
              <a:ext uri="{FF2B5EF4-FFF2-40B4-BE49-F238E27FC236}">
                <a16:creationId xmlns:a16="http://schemas.microsoft.com/office/drawing/2014/main" id="{F1B3CF19-725F-47B4-BF7A-5F69E5DE3C8B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875087" y="2891621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Oct 5 - Oct 25</a:t>
            </a:r>
          </a:p>
        </p:txBody>
      </p:sp>
      <p:sp>
        <p:nvSpPr>
          <p:cNvPr id="41" name="OTLSHAPE_SLT_58399bc4623e4f579a756e9c995a58b7_Title">
            <a:extLst>
              <a:ext uri="{FF2B5EF4-FFF2-40B4-BE49-F238E27FC236}">
                <a16:creationId xmlns:a16="http://schemas.microsoft.com/office/drawing/2014/main" id="{B9B54AE1-96FA-4FA5-8928-FCC5AF70D440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3687130" y="2883874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Literature Survey</a:t>
            </a:r>
          </a:p>
        </p:txBody>
      </p:sp>
      <p:sp>
        <p:nvSpPr>
          <p:cNvPr id="44" name="OTLSHAPE_SLT_d8778b79f5b5490899decb925da4eb15_Duration" hidden="1">
            <a:extLst>
              <a:ext uri="{FF2B5EF4-FFF2-40B4-BE49-F238E27FC236}">
                <a16:creationId xmlns:a16="http://schemas.microsoft.com/office/drawing/2014/main" id="{BE3780F4-C0B0-4448-93E1-FBA6C7C9E0E7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5" name="OTLSHAPE_SLT_d8778b79f5b5490899decb925da4eb15_TextPercentage" hidden="1">
            <a:extLst>
              <a:ext uri="{FF2B5EF4-FFF2-40B4-BE49-F238E27FC236}">
                <a16:creationId xmlns:a16="http://schemas.microsoft.com/office/drawing/2014/main" id="{1B92FA97-E9AA-4CBC-AE68-B05FDA80F23A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2237851" y="2003806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>
                <a:solidFill>
                  <a:schemeClr val="accent2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46" name="OTLSHAPE_SLT_d8778b79f5b5490899decb925da4eb15_StartDate" hidden="1">
            <a:extLst>
              <a:ext uri="{FF2B5EF4-FFF2-40B4-BE49-F238E27FC236}">
                <a16:creationId xmlns:a16="http://schemas.microsoft.com/office/drawing/2014/main" id="{1A80C3B9-56E9-4BCD-B177-727033787200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7" name="OTLSHAPE_SLT_d8778b79f5b5490899decb925da4eb15_EndDate" hidden="1">
            <a:extLst>
              <a:ext uri="{FF2B5EF4-FFF2-40B4-BE49-F238E27FC236}">
                <a16:creationId xmlns:a16="http://schemas.microsoft.com/office/drawing/2014/main" id="{B29CC8C7-DEDB-42EB-9172-9D0E5B78748D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8" name="OTLSHAPE_SLT_d8778b79f5b5490899decb925da4eb15_JoinedDate">
            <a:extLst>
              <a:ext uri="{FF2B5EF4-FFF2-40B4-BE49-F238E27FC236}">
                <a16:creationId xmlns:a16="http://schemas.microsoft.com/office/drawing/2014/main" id="{F6007809-716F-4C14-B6F4-EFC8E8A21168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516222" y="3201839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Sep 29 - Oct 31</a:t>
            </a:r>
          </a:p>
        </p:txBody>
      </p:sp>
      <p:sp>
        <p:nvSpPr>
          <p:cNvPr id="49" name="OTLSHAPE_SLT_d8778b79f5b5490899decb925da4eb15_Title">
            <a:extLst>
              <a:ext uri="{FF2B5EF4-FFF2-40B4-BE49-F238E27FC236}">
                <a16:creationId xmlns:a16="http://schemas.microsoft.com/office/drawing/2014/main" id="{9395C646-4D1B-4DBB-9449-EABF7B8C7F9A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3973689" y="3194092"/>
            <a:ext cx="134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Build base FPS features</a:t>
            </a:r>
          </a:p>
        </p:txBody>
      </p:sp>
      <p:sp>
        <p:nvSpPr>
          <p:cNvPr id="52" name="OTLSHAPE_SLT_3c695fc6758e4b24ad7c0bcef40b8593_Duration" hidden="1">
            <a:extLst>
              <a:ext uri="{FF2B5EF4-FFF2-40B4-BE49-F238E27FC236}">
                <a16:creationId xmlns:a16="http://schemas.microsoft.com/office/drawing/2014/main" id="{0A40D219-B1CC-4EBE-9BF5-3412CBB711A4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53" name="OTLSHAPE_SLT_3c695fc6758e4b24ad7c0bcef40b8593_TextPercentage" hidden="1">
            <a:extLst>
              <a:ext uri="{FF2B5EF4-FFF2-40B4-BE49-F238E27FC236}">
                <a16:creationId xmlns:a16="http://schemas.microsoft.com/office/drawing/2014/main" id="{A8B52637-B89E-4F0F-B208-41E573BA7B4E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3865087" y="2237825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>
                <a:solidFill>
                  <a:schemeClr val="accent2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54" name="OTLSHAPE_SLT_3c695fc6758e4b24ad7c0bcef40b8593_StartDate" hidden="1">
            <a:extLst>
              <a:ext uri="{FF2B5EF4-FFF2-40B4-BE49-F238E27FC236}">
                <a16:creationId xmlns:a16="http://schemas.microsoft.com/office/drawing/2014/main" id="{D1220670-3C3F-494A-9F87-CC71231A0CA8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55" name="OTLSHAPE_SLT_3c695fc6758e4b24ad7c0bcef40b8593_EndDate" hidden="1">
            <a:extLst>
              <a:ext uri="{FF2B5EF4-FFF2-40B4-BE49-F238E27FC236}">
                <a16:creationId xmlns:a16="http://schemas.microsoft.com/office/drawing/2014/main" id="{9FC5240C-5C98-4859-B4E1-78820A13136A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56" name="OTLSHAPE_SLT_3c695fc6758e4b24ad7c0bcef40b8593_JoinedDate">
            <a:extLst>
              <a:ext uri="{FF2B5EF4-FFF2-40B4-BE49-F238E27FC236}">
                <a16:creationId xmlns:a16="http://schemas.microsoft.com/office/drawing/2014/main" id="{6EC1F266-5F5B-4F54-A987-2BD2962734F2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3188820" y="3435858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Nov 1 - Dec 1</a:t>
            </a:r>
          </a:p>
        </p:txBody>
      </p:sp>
      <p:sp>
        <p:nvSpPr>
          <p:cNvPr id="57" name="OTLSHAPE_SLT_3c695fc6758e4b24ad7c0bcef40b8593_Title">
            <a:extLst>
              <a:ext uri="{FF2B5EF4-FFF2-40B4-BE49-F238E27FC236}">
                <a16:creationId xmlns:a16="http://schemas.microsoft.com/office/drawing/2014/main" id="{314C18E1-C84B-47A3-BCF3-8F5AC80F1A7C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5454248" y="3428111"/>
            <a:ext cx="154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rototype level generation</a:t>
            </a:r>
          </a:p>
        </p:txBody>
      </p:sp>
      <p:sp>
        <p:nvSpPr>
          <p:cNvPr id="60" name="OTLSHAPE_SLT_10e909a896d14618b53863625d69ab6f_Duration" hidden="1">
            <a:extLst>
              <a:ext uri="{FF2B5EF4-FFF2-40B4-BE49-F238E27FC236}">
                <a16:creationId xmlns:a16="http://schemas.microsoft.com/office/drawing/2014/main" id="{7C8ACCA7-0BFC-4239-B88D-7669BC260D48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61" name="OTLSHAPE_SLT_10e909a896d14618b53863625d69ab6f_TextPercentage" hidden="1">
            <a:extLst>
              <a:ext uri="{FF2B5EF4-FFF2-40B4-BE49-F238E27FC236}">
                <a16:creationId xmlns:a16="http://schemas.microsoft.com/office/drawing/2014/main" id="{2A679A17-A0C1-48D3-BCE9-10FFE26F0392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3865087" y="2471843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>
                <a:solidFill>
                  <a:schemeClr val="accent2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62" name="OTLSHAPE_SLT_10e909a896d14618b53863625d69ab6f_StartDate" hidden="1">
            <a:extLst>
              <a:ext uri="{FF2B5EF4-FFF2-40B4-BE49-F238E27FC236}">
                <a16:creationId xmlns:a16="http://schemas.microsoft.com/office/drawing/2014/main" id="{9FE806B4-E7A3-41B0-8C72-1C777808A670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63" name="OTLSHAPE_SLT_10e909a896d14618b53863625d69ab6f_EndDate" hidden="1">
            <a:extLst>
              <a:ext uri="{FF2B5EF4-FFF2-40B4-BE49-F238E27FC236}">
                <a16:creationId xmlns:a16="http://schemas.microsoft.com/office/drawing/2014/main" id="{7DA41F50-50FE-4C7C-BAC5-AB4392803CC1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64" name="OTLSHAPE_SLT_10e909a896d14618b53863625d69ab6f_JoinedDate">
            <a:extLst>
              <a:ext uri="{FF2B5EF4-FFF2-40B4-BE49-F238E27FC236}">
                <a16:creationId xmlns:a16="http://schemas.microsoft.com/office/drawing/2014/main" id="{8D473D6F-6464-4BAA-8131-20C3347FD175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3188820" y="3669877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Nov 1 - Dec 1</a:t>
            </a:r>
          </a:p>
        </p:txBody>
      </p:sp>
      <p:sp>
        <p:nvSpPr>
          <p:cNvPr id="65" name="OTLSHAPE_SLT_10e909a896d14618b53863625d69ab6f_Title">
            <a:extLst>
              <a:ext uri="{FF2B5EF4-FFF2-40B4-BE49-F238E27FC236}">
                <a16:creationId xmlns:a16="http://schemas.microsoft.com/office/drawing/2014/main" id="{C6E8799E-637F-4D79-A9D1-53FBC3CDE6AE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5454248" y="3662130"/>
            <a:ext cx="1587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rototype room decoration</a:t>
            </a:r>
          </a:p>
        </p:txBody>
      </p:sp>
      <p:sp>
        <p:nvSpPr>
          <p:cNvPr id="76" name="OTLSHAPE_TB_00000000000000000000000000000000_TimescaleInterval5">
            <a:extLst>
              <a:ext uri="{FF2B5EF4-FFF2-40B4-BE49-F238E27FC236}">
                <a16:creationId xmlns:a16="http://schemas.microsoft.com/office/drawing/2014/main" id="{039AB419-089E-4EB0-B67D-0602D7072DDD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6899780" y="18119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78" name="OTLSHAPE_TB_00000000000000000000000000000000_TimescaleInterval6">
            <a:extLst>
              <a:ext uri="{FF2B5EF4-FFF2-40B4-BE49-F238E27FC236}">
                <a16:creationId xmlns:a16="http://schemas.microsoft.com/office/drawing/2014/main" id="{1D769D4E-6706-4B8F-A67B-5DB76D957763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8380338" y="1811973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80" name="OTLSHAPE_TB_00000000000000000000000000000000_TimescaleInterval7">
            <a:extLst>
              <a:ext uri="{FF2B5EF4-FFF2-40B4-BE49-F238E27FC236}">
                <a16:creationId xmlns:a16="http://schemas.microsoft.com/office/drawing/2014/main" id="{EF2ECD62-1A1F-4E6E-9D5E-942F8A6B51EC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9765377" y="181197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95" name="OTLSHAPE_SLT_86479df8bc534fa8a833f5a06201b6d0_Duration" hidden="1">
            <a:extLst>
              <a:ext uri="{FF2B5EF4-FFF2-40B4-BE49-F238E27FC236}">
                <a16:creationId xmlns:a16="http://schemas.microsoft.com/office/drawing/2014/main" id="{29F7203D-B4BC-422E-BA54-F0181D6BF09F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96" name="OTLSHAPE_SLT_86479df8bc534fa8a833f5a06201b6d0_StartDate" hidden="1">
            <a:extLst>
              <a:ext uri="{FF2B5EF4-FFF2-40B4-BE49-F238E27FC236}">
                <a16:creationId xmlns:a16="http://schemas.microsoft.com/office/drawing/2014/main" id="{9998B111-6D6A-4F31-8DAE-560A57E4B533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97" name="OTLSHAPE_SLT_86479df8bc534fa8a833f5a06201b6d0_EndDate" hidden="1">
            <a:extLst>
              <a:ext uri="{FF2B5EF4-FFF2-40B4-BE49-F238E27FC236}">
                <a16:creationId xmlns:a16="http://schemas.microsoft.com/office/drawing/2014/main" id="{F2E8E2CA-1F79-428C-BA6D-E24A7459D63B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98" name="OTLSHAPE_SLT_86479df8bc534fa8a833f5a06201b6d0_Title">
            <a:extLst>
              <a:ext uri="{FF2B5EF4-FFF2-40B4-BE49-F238E27FC236}">
                <a16:creationId xmlns:a16="http://schemas.microsoft.com/office/drawing/2014/main" id="{758F4B4C-4E91-4057-B7E0-A476F478E292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4504329" y="3988689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Level generator</a:t>
            </a:r>
          </a:p>
        </p:txBody>
      </p:sp>
      <p:sp>
        <p:nvSpPr>
          <p:cNvPr id="99" name="OTLSHAPE_SLT_86479df8bc534fa8a833f5a06201b6d0_JoinedDate">
            <a:extLst>
              <a:ext uri="{FF2B5EF4-FFF2-40B4-BE49-F238E27FC236}">
                <a16:creationId xmlns:a16="http://schemas.microsoft.com/office/drawing/2014/main" id="{E7DDE2F9-098D-4BF8-99B7-8203BEE17065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7939018" y="3996436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2" dirty="0">
                <a:solidFill>
                  <a:schemeClr val="lt1"/>
                </a:solidFill>
                <a:latin typeface="Calibri" panose="020F0502020204030204" pitchFamily="34" charset="0"/>
              </a:rPr>
              <a:t>Dec 3 - Mar 31</a:t>
            </a:r>
          </a:p>
        </p:txBody>
      </p:sp>
      <p:sp>
        <p:nvSpPr>
          <p:cNvPr id="100" name="OTLSHAPE_SLT_86479df8bc534fa8a833f5a06201b6d0_TextPercentage" hidden="1">
            <a:extLst>
              <a:ext uri="{FF2B5EF4-FFF2-40B4-BE49-F238E27FC236}">
                <a16:creationId xmlns:a16="http://schemas.microsoft.com/office/drawing/2014/main" id="{540D7512-23FB-433F-90B4-4F6217D477E9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03" name="OTLSHAPE_SLT_94bed7a32f9f410fa6c582c0e43b1156_Duration" hidden="1">
            <a:extLst>
              <a:ext uri="{FF2B5EF4-FFF2-40B4-BE49-F238E27FC236}">
                <a16:creationId xmlns:a16="http://schemas.microsoft.com/office/drawing/2014/main" id="{201A4C7A-F907-4E7D-98A0-04E683A09DDA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04" name="OTLSHAPE_SLT_94bed7a32f9f410fa6c582c0e43b1156_StartDate" hidden="1">
            <a:extLst>
              <a:ext uri="{FF2B5EF4-FFF2-40B4-BE49-F238E27FC236}">
                <a16:creationId xmlns:a16="http://schemas.microsoft.com/office/drawing/2014/main" id="{9C2FFBA2-4196-4EFA-B2D8-53D00AD8F1D6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05" name="OTLSHAPE_SLT_94bed7a32f9f410fa6c582c0e43b1156_EndDate" hidden="1">
            <a:extLst>
              <a:ext uri="{FF2B5EF4-FFF2-40B4-BE49-F238E27FC236}">
                <a16:creationId xmlns:a16="http://schemas.microsoft.com/office/drawing/2014/main" id="{5A135201-1137-48F0-9D4E-6BE1DA3E17A3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06" name="OTLSHAPE_SLT_94bed7a32f9f410fa6c582c0e43b1156_Title">
            <a:extLst>
              <a:ext uri="{FF2B5EF4-FFF2-40B4-BE49-F238E27FC236}">
                <a16:creationId xmlns:a16="http://schemas.microsoft.com/office/drawing/2014/main" id="{F8DF5854-7F16-4F7F-8E99-43F73030CD00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4462419" y="4255389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Room generator</a:t>
            </a:r>
          </a:p>
        </p:txBody>
      </p:sp>
      <p:sp>
        <p:nvSpPr>
          <p:cNvPr id="107" name="OTLSHAPE_SLT_94bed7a32f9f410fa6c582c0e43b1156_JoinedDate">
            <a:extLst>
              <a:ext uri="{FF2B5EF4-FFF2-40B4-BE49-F238E27FC236}">
                <a16:creationId xmlns:a16="http://schemas.microsoft.com/office/drawing/2014/main" id="{BB3AF064-0788-4B2B-B195-B2249C535C28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7939018" y="4263136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2" dirty="0">
                <a:solidFill>
                  <a:schemeClr val="lt1"/>
                </a:solidFill>
                <a:latin typeface="Calibri" panose="020F0502020204030204" pitchFamily="34" charset="0"/>
              </a:rPr>
              <a:t>Dec 3 - Mar 31</a:t>
            </a:r>
          </a:p>
        </p:txBody>
      </p:sp>
      <p:sp>
        <p:nvSpPr>
          <p:cNvPr id="108" name="OTLSHAPE_SLT_94bed7a32f9f410fa6c582c0e43b1156_TextPercentage" hidden="1">
            <a:extLst>
              <a:ext uri="{FF2B5EF4-FFF2-40B4-BE49-F238E27FC236}">
                <a16:creationId xmlns:a16="http://schemas.microsoft.com/office/drawing/2014/main" id="{9BA33C2F-1512-4A70-BF0F-47E4FAD36FDD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11" name="OTLSHAPE_SLT_a88e587644a34b28b84599211135b280_Duration" hidden="1">
            <a:extLst>
              <a:ext uri="{FF2B5EF4-FFF2-40B4-BE49-F238E27FC236}">
                <a16:creationId xmlns:a16="http://schemas.microsoft.com/office/drawing/2014/main" id="{85252D25-529A-46B7-ABB3-7DF9019776D3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12" name="OTLSHAPE_SLT_a88e587644a34b28b84599211135b280_StartDate" hidden="1">
            <a:extLst>
              <a:ext uri="{FF2B5EF4-FFF2-40B4-BE49-F238E27FC236}">
                <a16:creationId xmlns:a16="http://schemas.microsoft.com/office/drawing/2014/main" id="{E26DDF23-903F-442F-9A56-FA5E0CFCED50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13" name="OTLSHAPE_SLT_a88e587644a34b28b84599211135b280_EndDate" hidden="1">
            <a:extLst>
              <a:ext uri="{FF2B5EF4-FFF2-40B4-BE49-F238E27FC236}">
                <a16:creationId xmlns:a16="http://schemas.microsoft.com/office/drawing/2014/main" id="{6573C292-DA2B-4DD8-BA48-CFD8E7A388D9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14" name="OTLSHAPE_SLT_a88e587644a34b28b84599211135b280_Title">
            <a:extLst>
              <a:ext uri="{FF2B5EF4-FFF2-40B4-BE49-F238E27FC236}">
                <a16:creationId xmlns:a16="http://schemas.microsoft.com/office/drawing/2014/main" id="{B249F7FE-A04E-4A4E-8AB1-D21DEB2E19CE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5960699" y="4598289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Add gameplay</a:t>
            </a:r>
          </a:p>
        </p:txBody>
      </p:sp>
      <p:sp>
        <p:nvSpPr>
          <p:cNvPr id="115" name="OTLSHAPE_SLT_a88e587644a34b28b84599211135b280_JoinedDate">
            <a:extLst>
              <a:ext uri="{FF2B5EF4-FFF2-40B4-BE49-F238E27FC236}">
                <a16:creationId xmlns:a16="http://schemas.microsoft.com/office/drawing/2014/main" id="{092F3A20-BFAE-4AA8-83E3-36034263D58A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8645041" y="4606036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2" dirty="0">
                <a:solidFill>
                  <a:schemeClr val="lt1"/>
                </a:solidFill>
                <a:latin typeface="Calibri" panose="020F0502020204030204" pitchFamily="34" charset="0"/>
              </a:rPr>
              <a:t>Jan 1 - Mar 31</a:t>
            </a:r>
          </a:p>
        </p:txBody>
      </p:sp>
      <p:sp>
        <p:nvSpPr>
          <p:cNvPr id="116" name="OTLSHAPE_SLT_a88e587644a34b28b84599211135b280_TextPercentage" hidden="1">
            <a:extLst>
              <a:ext uri="{FF2B5EF4-FFF2-40B4-BE49-F238E27FC236}">
                <a16:creationId xmlns:a16="http://schemas.microsoft.com/office/drawing/2014/main" id="{7F86F28C-D596-48E1-8FA6-F2CCCC3837B0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19" name="OTLSHAPE_SLT_4d967e31d95747489cb1a746b96607d5_Duration" hidden="1">
            <a:extLst>
              <a:ext uri="{FF2B5EF4-FFF2-40B4-BE49-F238E27FC236}">
                <a16:creationId xmlns:a16="http://schemas.microsoft.com/office/drawing/2014/main" id="{7A9B7227-59CB-4D52-99E8-D9046F20B5B7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20" name="OTLSHAPE_SLT_4d967e31d95747489cb1a746b96607d5_StartDate" hidden="1">
            <a:extLst>
              <a:ext uri="{FF2B5EF4-FFF2-40B4-BE49-F238E27FC236}">
                <a16:creationId xmlns:a16="http://schemas.microsoft.com/office/drawing/2014/main" id="{865F8E54-D9E4-4684-B25D-2FFDB5F50470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21" name="OTLSHAPE_SLT_4d967e31d95747489cb1a746b96607d5_EndDate" hidden="1">
            <a:extLst>
              <a:ext uri="{FF2B5EF4-FFF2-40B4-BE49-F238E27FC236}">
                <a16:creationId xmlns:a16="http://schemas.microsoft.com/office/drawing/2014/main" id="{D69944CA-C056-4C09-B2CB-8F0E3E3E510E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22" name="OTLSHAPE_SLT_4d967e31d95747489cb1a746b96607d5_Title">
            <a:extLst>
              <a:ext uri="{FF2B5EF4-FFF2-40B4-BE49-F238E27FC236}">
                <a16:creationId xmlns:a16="http://schemas.microsoft.com/office/drawing/2014/main" id="{0326CF6A-0E3B-4216-9FB2-458C361B84AC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6027367" y="4941189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gress report</a:t>
            </a:r>
          </a:p>
        </p:txBody>
      </p:sp>
      <p:sp>
        <p:nvSpPr>
          <p:cNvPr id="123" name="OTLSHAPE_SLT_4d967e31d95747489cb1a746b96607d5_JoinedDate">
            <a:extLst>
              <a:ext uri="{FF2B5EF4-FFF2-40B4-BE49-F238E27FC236}">
                <a16:creationId xmlns:a16="http://schemas.microsoft.com/office/drawing/2014/main" id="{3C6D8FEB-2C3A-4428-9D7F-834AACA4F343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3764428" y="4948936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 dirty="0">
                <a:solidFill>
                  <a:schemeClr val="lt1"/>
                </a:solidFill>
                <a:latin typeface="Calibri" panose="020F0502020204030204" pitchFamily="34" charset="0"/>
              </a:rPr>
              <a:t>Sep 29 - Dec 13</a:t>
            </a:r>
          </a:p>
        </p:txBody>
      </p:sp>
      <p:sp>
        <p:nvSpPr>
          <p:cNvPr id="124" name="OTLSHAPE_SLT_4d967e31d95747489cb1a746b96607d5_TextPercentage" hidden="1">
            <a:extLst>
              <a:ext uri="{FF2B5EF4-FFF2-40B4-BE49-F238E27FC236}">
                <a16:creationId xmlns:a16="http://schemas.microsoft.com/office/drawing/2014/main" id="{48E2251F-800D-4033-A11B-70D479447744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27" name="OTLSHAPE_SLT_8130d543ec584d48a7305273c295809a_Duration" hidden="1">
            <a:extLst>
              <a:ext uri="{FF2B5EF4-FFF2-40B4-BE49-F238E27FC236}">
                <a16:creationId xmlns:a16="http://schemas.microsoft.com/office/drawing/2014/main" id="{7BBC07D3-F8FD-4FDC-938E-85849419F3CE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28" name="OTLSHAPE_SLT_8130d543ec584d48a7305273c295809a_StartDate" hidden="1">
            <a:extLst>
              <a:ext uri="{FF2B5EF4-FFF2-40B4-BE49-F238E27FC236}">
                <a16:creationId xmlns:a16="http://schemas.microsoft.com/office/drawing/2014/main" id="{09E91693-9F11-4B5D-9956-3D76EC51FF0C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29" name="OTLSHAPE_SLT_8130d543ec584d48a7305273c295809a_EndDate" hidden="1">
            <a:extLst>
              <a:ext uri="{FF2B5EF4-FFF2-40B4-BE49-F238E27FC236}">
                <a16:creationId xmlns:a16="http://schemas.microsoft.com/office/drawing/2014/main" id="{2BBFE0B8-11AF-400E-9B4D-03F6708B6989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30" name="OTLSHAPE_SLT_8130d543ec584d48a7305273c295809a_Title">
            <a:extLst>
              <a:ext uri="{FF2B5EF4-FFF2-40B4-BE49-F238E27FC236}">
                <a16:creationId xmlns:a16="http://schemas.microsoft.com/office/drawing/2014/main" id="{9A518B0C-11D9-4EE8-B4B2-9654180206CF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621251" y="5207889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Final report</a:t>
            </a:r>
          </a:p>
        </p:txBody>
      </p:sp>
      <p:sp>
        <p:nvSpPr>
          <p:cNvPr id="131" name="OTLSHAPE_SLT_8130d543ec584d48a7305273c295809a_JoinedDate">
            <a:extLst>
              <a:ext uri="{FF2B5EF4-FFF2-40B4-BE49-F238E27FC236}">
                <a16:creationId xmlns:a16="http://schemas.microsoft.com/office/drawing/2014/main" id="{3090B267-39D9-408C-A4B5-09A522EDB429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6358032" y="5215636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 dirty="0">
                <a:solidFill>
                  <a:schemeClr val="lt1"/>
                </a:solidFill>
                <a:latin typeface="Calibri" panose="020F0502020204030204" pitchFamily="34" charset="0"/>
              </a:rPr>
              <a:t>Sep 29 - Mar 31</a:t>
            </a:r>
          </a:p>
        </p:txBody>
      </p:sp>
      <p:sp>
        <p:nvSpPr>
          <p:cNvPr id="132" name="OTLSHAPE_SLT_8130d543ec584d48a7305273c295809a_TextPercentage" hidden="1">
            <a:extLst>
              <a:ext uri="{FF2B5EF4-FFF2-40B4-BE49-F238E27FC236}">
                <a16:creationId xmlns:a16="http://schemas.microsoft.com/office/drawing/2014/main" id="{37D15F3B-A677-48B1-BE04-EC6C9A54A335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71" name="OTLSHAPE_TB_00000000000000000000000000000000_TodayMarkerText">
            <a:extLst>
              <a:ext uri="{FF2B5EF4-FFF2-40B4-BE49-F238E27FC236}">
                <a16:creationId xmlns:a16="http://schemas.microsoft.com/office/drawing/2014/main" id="{3C0D88D0-CA85-4FE5-B20B-61DD15179E40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5096577" y="22225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cxnSp>
        <p:nvCxnSpPr>
          <p:cNvPr id="162" name="OTLSHAPE_TB_00000000000000000000000000000000_Separator1">
            <a:extLst>
              <a:ext uri="{FF2B5EF4-FFF2-40B4-BE49-F238E27FC236}">
                <a16:creationId xmlns:a16="http://schemas.microsoft.com/office/drawing/2014/main" id="{CE67E2F5-5573-461C-8FF8-456CFC47A3EA}"/>
              </a:ext>
            </a:extLst>
          </p:cNvPr>
          <p:cNvCxnSpPr/>
          <p:nvPr>
            <p:custDataLst>
              <p:tags r:id="rId116"/>
            </p:custDataLst>
          </p:nvPr>
        </p:nvCxnSpPr>
        <p:spPr>
          <a:xfrm>
            <a:off x="2442363" y="1778000"/>
            <a:ext cx="0" cy="254000"/>
          </a:xfrm>
          <a:prstGeom prst="line">
            <a:avLst/>
          </a:prstGeom>
          <a:ln w="381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" name="OTLSHAPE_TB_00000000000000000000000000000000_Separator2">
            <a:extLst>
              <a:ext uri="{FF2B5EF4-FFF2-40B4-BE49-F238E27FC236}">
                <a16:creationId xmlns:a16="http://schemas.microsoft.com/office/drawing/2014/main" id="{038D09D3-3186-4708-A1F8-123626C1A05D}"/>
              </a:ext>
            </a:extLst>
          </p:cNvPr>
          <p:cNvCxnSpPr/>
          <p:nvPr>
            <p:custDataLst>
              <p:tags r:id="rId117"/>
            </p:custDataLst>
          </p:nvPr>
        </p:nvCxnSpPr>
        <p:spPr>
          <a:xfrm>
            <a:off x="3922922" y="1778000"/>
            <a:ext cx="0" cy="254000"/>
          </a:xfrm>
          <a:prstGeom prst="line">
            <a:avLst/>
          </a:prstGeom>
          <a:ln w="381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4" name="OTLSHAPE_TB_00000000000000000000000000000000_Separator3">
            <a:extLst>
              <a:ext uri="{FF2B5EF4-FFF2-40B4-BE49-F238E27FC236}">
                <a16:creationId xmlns:a16="http://schemas.microsoft.com/office/drawing/2014/main" id="{471BD812-57DB-4A04-A450-534841B52959}"/>
              </a:ext>
            </a:extLst>
          </p:cNvPr>
          <p:cNvCxnSpPr/>
          <p:nvPr>
            <p:custDataLst>
              <p:tags r:id="rId118"/>
            </p:custDataLst>
          </p:nvPr>
        </p:nvCxnSpPr>
        <p:spPr>
          <a:xfrm>
            <a:off x="5355720" y="1778000"/>
            <a:ext cx="0" cy="254000"/>
          </a:xfrm>
          <a:prstGeom prst="line">
            <a:avLst/>
          </a:prstGeom>
          <a:ln w="381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" name="OTLSHAPE_TB_00000000000000000000000000000000_Separator4">
            <a:extLst>
              <a:ext uri="{FF2B5EF4-FFF2-40B4-BE49-F238E27FC236}">
                <a16:creationId xmlns:a16="http://schemas.microsoft.com/office/drawing/2014/main" id="{EA327490-9BCF-479D-9C31-1059A8F37D9A}"/>
              </a:ext>
            </a:extLst>
          </p:cNvPr>
          <p:cNvCxnSpPr/>
          <p:nvPr>
            <p:custDataLst>
              <p:tags r:id="rId119"/>
            </p:custDataLst>
          </p:nvPr>
        </p:nvCxnSpPr>
        <p:spPr>
          <a:xfrm>
            <a:off x="6836279" y="1778000"/>
            <a:ext cx="0" cy="254000"/>
          </a:xfrm>
          <a:prstGeom prst="line">
            <a:avLst/>
          </a:prstGeom>
          <a:ln w="381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6" name="OTLSHAPE_TB_00000000000000000000000000000000_Separator5">
            <a:extLst>
              <a:ext uri="{FF2B5EF4-FFF2-40B4-BE49-F238E27FC236}">
                <a16:creationId xmlns:a16="http://schemas.microsoft.com/office/drawing/2014/main" id="{1B32A2E4-991B-4726-A1E3-4EA9EA6D3190}"/>
              </a:ext>
            </a:extLst>
          </p:cNvPr>
          <p:cNvCxnSpPr/>
          <p:nvPr>
            <p:custDataLst>
              <p:tags r:id="rId120"/>
            </p:custDataLst>
          </p:nvPr>
        </p:nvCxnSpPr>
        <p:spPr>
          <a:xfrm>
            <a:off x="8316837" y="1778000"/>
            <a:ext cx="0" cy="254000"/>
          </a:xfrm>
          <a:prstGeom prst="line">
            <a:avLst/>
          </a:prstGeom>
          <a:ln w="381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7" name="OTLSHAPE_TB_00000000000000000000000000000000_Separator6">
            <a:extLst>
              <a:ext uri="{FF2B5EF4-FFF2-40B4-BE49-F238E27FC236}">
                <a16:creationId xmlns:a16="http://schemas.microsoft.com/office/drawing/2014/main" id="{6B34CAA4-ECE5-4544-AD38-BFC96B0CB2EF}"/>
              </a:ext>
            </a:extLst>
          </p:cNvPr>
          <p:cNvCxnSpPr/>
          <p:nvPr>
            <p:custDataLst>
              <p:tags r:id="rId121"/>
            </p:custDataLst>
          </p:nvPr>
        </p:nvCxnSpPr>
        <p:spPr>
          <a:xfrm>
            <a:off x="9701876" y="1778000"/>
            <a:ext cx="0" cy="254000"/>
          </a:xfrm>
          <a:prstGeom prst="line">
            <a:avLst/>
          </a:prstGeom>
          <a:ln w="381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308817803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xNTAsIkciOjIxNCwiQiI6NjZ9fSwiQXBwZW5kWWVhck9uWWVhckNoYW5nZSI6dHJ1ZSwiRWxhcHNlZFRpbWVGb3JtYXQiOjEsIlRvZGF5TWFya2VyUG9zaXRpb24iOjMsIlF1aWNrUG9zaXRpb24iOjAsIkFic29sdXRlUG9zaXRpb24iOjEzNS4w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NzksIkciOjEyOSwiQiI6MTg5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IsIlNoYXBlVGhpY2tuZXNzIjoxLCJEdXJhdGlvbkZvcm1hdCI6NS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dHJ1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2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zOCIsIlRvcCI6MCwiTGVmdCI6MCwiUmlnaHQiOjAsIkJvdHRvbSI6MH0sIlBhZGRpbmciOnsiJGlkIjoiMjM5IiwiVG9wIjowLCJMZWZ0IjowLCJSaWdodCI6MCwiQm90dG9tIjowfSwiQmFja2dyb3VuZCI6eyIkaWQiOiIyNDAiLCJDb2xvciI6eyIkcmVmIjoiMjAyIn19LCJJc1Zpc2libGUiOnRydWUsIldpZHRoIjowLjAsIkhlaWdodCI6MC4wLCJCb3JkZXJTdHlsZSI6eyIkaWQiOiIyNDEiLCJMaW5lQ29sb3IiOm51bGwsIkxpbmVXZWlnaHQiOjAuMCwiTGluZVR5cGUiOjAsIlBhcmVudFN0eWxlIjpudWxsfSwiUGFyZW50U3R5bGUiOm51bGx9LCJEYXRlRm9ybWF0Ijp7IiRpZCI6IjI0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NzkiLCJUb3AiOjAsIkxlZnQiOjAsIlJpZ2h0IjowLCJCb3R0b20iOjB9LCJQYWRkaW5nIjp7IiRpZCI6IjI4MCIsIlRvcCI6MCwiTGVmdCI6MCwiUmlnaHQiOjAsIkJvdHRvbSI6MH0sIkJhY2tncm91bmQiOnsiJHJlZiI6IjI0MCJ9LCJJc1Zpc2libGUiOnRydWUsIldpZHRoIjowLjAsIkhlaWdodCI6MC4wLCJCb3JkZXJTdHlsZSI6eyIkaWQiOiIyODEiLCJMaW5lQ29sb3IiOm51bGwsIkxpbmVXZWlnaHQiOjAuMCwiTGluZVR5cGUiOjAsIlBhcmVudFN0eWxlIjpudWxsfSwiUGFyZW50U3R5bGUiOm51bGx9LCJEYXRlRm9ybWF0Ijp7IiRpZCI6IjI4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zMzgiLCJUb3AiOjAsIkxlZnQiOjAsIlJpZ2h0IjowLCJCb3R0b20iOjB9LCJQYWRkaW5nIjp7IiRpZCI6IjMzOSIsIlRvcCI6MCwiTGVmdCI6MCwiUmlnaHQiOjAsIkJvdHRvbSI6MH0sIkJhY2tncm91bmQiOnsiJHJlZiI6IjI0MCJ9LCJJc1Zpc2libGUiOnRydWUsIldpZHRoIjowLjAsIkhlaWdodCI6MC4wLCJCb3JkZXJTdHlsZSI6eyIkaWQiOiIzNDAiLCJMaW5lQ29sb3IiOm51bGwsIkxpbmVXZWlnaHQiOjAuMCwiTGluZVR5cGUiOjAsIlBhcmVudFN0eWxlIjpudWxsfSwiUGFyZW50U3R5bGUiOm51bGx9LCJEYXRlRm9ybWF0Ijp7IiRpZCI6IjM0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zNzgiLCJUb3AiOjAsIkxlZnQiOjAsIlJpZ2h0IjowLCJCb3R0b20iOjB9LCJQYWRkaW5nIjp7IiRpZCI6IjM3OSIsIlRvcCI6MCwiTGVmdCI6MCwiUmlnaHQiOjAsIkJvdHRvbSI6MH0sIkJhY2tncm91bmQiOnsiJHJlZiI6IjI0MCJ9LCJJc1Zpc2libGUiOnRydWUsIldpZHRoIjowLjAsIkhlaWdodCI6MC4wLCJCb3JkZXJTdHlsZSI6eyIkaWQiOiIzODAiLCJMaW5lQ29sb3IiOm51bGwsIkxpbmVXZWlnaHQiOjAuMCwiTGluZVR5cGUiOjAsIlBhcmVudFN0eWxlIjpudWxsfSwiUGFyZW50U3R5bGUiOm51bGx9LCJEYXRlRm9ybWF0Ijp7IiRpZCI6IjM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0MTgiLCJUb3AiOjAsIkxlZnQiOjAsIlJpZ2h0IjowLCJCb3R0b20iOjB9LCJQYWRkaW5nIjp7IiRpZCI6IjQxOSIsIlRvcCI6MCwiTGVmdCI6MCwiUmlnaHQiOjAsIkJvdHRvbSI6MH0sIkJhY2tncm91bmQiOnsiJHJlZiI6IjI0MCJ9LCJJc1Zpc2libGUiOnRydWUsIldpZHRoIjowLjAsIkhlaWdodCI6MC4wLCJCb3JkZXJTdHlsZSI6eyIkaWQiOiI0MjAiLCJMaW5lQ29sb3IiOm51bGwsIkxpbmVXZWlnaHQiOjAuMCwiTGluZVR5cGUiOjAsIlBhcmVudFN0eWxlIjpudWxsfSwiUGFyZW50U3R5bGUiOm51bGx9LCJEYXRlRm9ybWF0Ijp7IiRpZCI6IjQy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0OTgiLCJUb3AiOjAsIkxlZnQiOjAsIlJpZ2h0IjowLCJCb3R0b20iOjB9LCJQYWRkaW5nIjp7IiRpZCI6IjQ5OSIsIlRvcCI6MCwiTGVmdCI6MCwiUmlnaHQiOjAsIkJvdHRvbSI6MH0sIkJhY2tncm91bmQiOnsiJGlkIjoiNTAwIiwiQ29sb3IiOnsiJHJlZiI6IjQ2MiJ9fSwiSXNWaXNpYmxlIjp0cnVlLCJXaWR0aCI6MC4wLCJIZWlnaHQiOjAuMCwiQm9yZGVyU3R5bGUiOnsiJGlkIjoiNTAxIiwiTGluZUNvbG9yIjpudWxsLCJMaW5lV2VpZ2h0IjowLjAsIkxpbmVUeXBlIjowLCJQYXJlbnRTdHlsZSI6bnVsbH0sIlBhcmVudFN0eWxlIjpudWxsfSwiRGF0ZUZvcm1hdCI6eyIkaWQiOiI1M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Y1OCIsIlVzZVRpbWUiOmZhbHNlLCJXb3JrRGF5U3RhcnQiOiIwMDowMDowMCIsIldvcmtEYXlFbmQiOiIyMzo1OTowMCJ9LCJMYXN0VXNlZFRlbXBsYXRlSWQiOiI4MmE3NzYwNi1iNjRhLTQ4NWQtYWY0MS0xYWUzNzhjOWE1ZDQ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68</TotalTime>
  <Words>102</Words>
  <Application>Microsoft Office PowerPoint</Application>
  <PresentationFormat>Widescreen</PresentationFormat>
  <Paragraphs>40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Matthew Taylor (CMP - Student)</dc:creator>
  <cp:lastModifiedBy>Matthew Taylor (CMP - Student)</cp:lastModifiedBy>
  <cp:revision>10</cp:revision>
  <dcterms:created xsi:type="dcterms:W3CDTF">2019-11-27T20:54:41Z</dcterms:created>
  <dcterms:modified xsi:type="dcterms:W3CDTF">2019-11-27T22:02:57Z</dcterms:modified>
</cp:coreProperties>
</file>